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tels que les données, les unités d'organisation, les indicateurs et les ensembles de données, dépend du contexte et varie donc d'une implémentation à l'autre. Ces objets, appelés métadonnées, peuvent être configurés dans DHIS2 avant toute utilisation optimale du systèm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également utiliser les filtres, le type de domaine, le type de valeur ou la combinaison de catégories. Ces champs de recherche peuvent être utilisés ensemble ou séparément pour affiner les résultats. À partir de cette section, vous pouvez également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de l'engrenag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de l'engrenage, vous trouverez également l'option de téléchargement de la liste des éléments de données filtrés à partir de votre système DHIS2. Cette option peut s'avérer utile si vous souhaitez revoir la manière dont DHIS2 stocke ces informations ou si vous souhaitez disposer d'une copie hors ligne à d'autres fin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